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1_{452702D6-846A-4415-9196-5DAD72EA106C}" xr6:coauthVersionLast="47" xr6:coauthVersionMax="47" xr10:uidLastSave="{00000000-0000-0000-0000-000000000000}"/>
  <bookViews>
    <workbookView xWindow="1950" yWindow="1950" windowWidth="23670" windowHeight="12750" activeTab="1" xr2:uid="{00000000-000D-0000-FFFF-FFFF00000000}"/>
  </bookViews>
  <sheets>
    <sheet name="BusinessCorrect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105" uniqueCount="42">
  <si>
    <t xml:space="preserve">                               </t>
  </si>
  <si>
    <t xml:space="preserve">志治                           </t>
  </si>
  <si>
    <t>ID</t>
  </si>
  <si>
    <t>BusinessID</t>
  </si>
  <si>
    <t>BusinessDay</t>
  </si>
  <si>
    <t>CorrectMode</t>
  </si>
  <si>
    <t>UseNumber</t>
  </si>
  <si>
    <t>CustomerID</t>
  </si>
  <si>
    <t>CustName</t>
  </si>
  <si>
    <t>Uriage</t>
  </si>
  <si>
    <t>Tax</t>
  </si>
  <si>
    <t>RoomCharge</t>
  </si>
  <si>
    <t>IndoorSales</t>
  </si>
  <si>
    <t>OutdoorSales</t>
  </si>
  <si>
    <t>Sonota</t>
  </si>
  <si>
    <t>Discount</t>
  </si>
  <si>
    <t>Additional</t>
  </si>
  <si>
    <t>MoveDifference</t>
  </si>
  <si>
    <t>Advance</t>
  </si>
  <si>
    <t>Genkin</t>
  </si>
  <si>
    <t>PlaceID</t>
  </si>
  <si>
    <t>StartTime</t>
  </si>
  <si>
    <t>EndTime</t>
  </si>
  <si>
    <t>UseMinute</t>
  </si>
  <si>
    <t>ChargeID1</t>
  </si>
  <si>
    <t>ChargeID2</t>
  </si>
  <si>
    <t>Credit</t>
  </si>
  <si>
    <t>DigitalCash</t>
  </si>
  <si>
    <t>MoneyTicket</t>
  </si>
  <si>
    <t>SubID</t>
  </si>
  <si>
    <t>RealTime</t>
  </si>
  <si>
    <t>EmployeeID</t>
  </si>
  <si>
    <t>Employe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9" tint="0.59999389629810485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0" fontId="0" fillId="33" borderId="10" xfId="0" applyFill="1" applyBorder="1">
      <alignment vertical="center"/>
    </xf>
    <xf numFmtId="0" fontId="0" fillId="0" borderId="10" xfId="0" applyBorder="1">
      <alignment vertical="center"/>
    </xf>
    <xf numFmtId="22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FCAF28E3-8248-4854-A5DD-109941192920}" name="テーブル1" displayName="テーブル1" ref="M1:R63" totalsRowShown="0">
  <autoFilter ref="M1:R63" xr:uid="{FCAF28E3-8248-4854-A5DD-109941192920}"/>
  <tableColumns count="6">
    <tableColumn id="1" xr3:uid="{C58A4080-A7CF-413F-85AD-11EC6C7A533D}" name="ID"/>
    <tableColumn id="2" xr3:uid="{ADD72050-93EE-42D6-A39C-6B850E40D9A0}" name="TERMINATOR"/>
    <tableColumn id="3" xr3:uid="{C73E3DFA-3807-460F-A9DB-84A4736E33F4}" name="MAX_LENGTH"/>
    <tableColumn id="4" xr3:uid="{344ACA58-BF59-43F5-B151-CF18E0F86028}" name="COLLATION"/>
    <tableColumn id="5" xr3:uid="{D5092F75-8B0E-4FBE-A47D-49950FB14371}" name="SOURCE"/>
    <tableColumn id="6" xr3:uid="{41623313-A5BE-4A22-912D-8223B7F9F06A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3"/>
  <sheetViews>
    <sheetView workbookViewId="0">
      <selection activeCell="F7" sqref="F7"/>
    </sheetView>
  </sheetViews>
  <sheetFormatPr defaultRowHeight="18.75" x14ac:dyDescent="0.4"/>
  <cols>
    <col min="1" max="1" width="4.5" bestFit="1" customWidth="1"/>
    <col min="2" max="2" width="7.5" bestFit="1" customWidth="1"/>
    <col min="3" max="3" width="14.75" bestFit="1" customWidth="1"/>
    <col min="4" max="6" width="2.5" bestFit="1" customWidth="1"/>
    <col min="7" max="7" width="17.75" bestFit="1" customWidth="1"/>
    <col min="8" max="8" width="5.5" bestFit="1" customWidth="1"/>
    <col min="9" max="9" width="4.5" bestFit="1" customWidth="1"/>
    <col min="10" max="11" width="5.5" bestFit="1" customWidth="1"/>
    <col min="12" max="16" width="2.5" bestFit="1" customWidth="1"/>
    <col min="17" max="18" width="5.5" bestFit="1" customWidth="1"/>
    <col min="19" max="19" width="2.5" bestFit="1" customWidth="1"/>
    <col min="20" max="21" width="14.75" bestFit="1" customWidth="1"/>
    <col min="22" max="22" width="4.5" bestFit="1" customWidth="1"/>
    <col min="23" max="23" width="3.5" bestFit="1" customWidth="1"/>
    <col min="24" max="28" width="2.5" bestFit="1" customWidth="1"/>
    <col min="29" max="29" width="14.75" bestFit="1" customWidth="1"/>
    <col min="30" max="30" width="2.5" bestFit="1" customWidth="1"/>
    <col min="31" max="31" width="19.75" bestFit="1" customWidth="1"/>
  </cols>
  <sheetData>
    <row r="1" spans="1:31" x14ac:dyDescent="0.4">
      <c r="A1" s="1" t="s">
        <v>2</v>
      </c>
      <c r="B1" s="1" t="s">
        <v>3</v>
      </c>
      <c r="C1" s="1" t="s">
        <v>4</v>
      </c>
      <c r="D1" s="1" t="s">
        <v>5</v>
      </c>
      <c r="E1" s="1" t="s">
        <v>6</v>
      </c>
      <c r="F1" s="1" t="s">
        <v>7</v>
      </c>
      <c r="G1" s="1" t="s">
        <v>8</v>
      </c>
      <c r="H1" s="1" t="s">
        <v>9</v>
      </c>
      <c r="I1" s="1" t="s">
        <v>10</v>
      </c>
      <c r="J1" s="1" t="s">
        <v>11</v>
      </c>
      <c r="K1" s="1" t="s">
        <v>12</v>
      </c>
      <c r="L1" s="1" t="s">
        <v>13</v>
      </c>
      <c r="M1" s="1" t="s">
        <v>14</v>
      </c>
      <c r="N1" s="1" t="s">
        <v>15</v>
      </c>
      <c r="O1" s="1" t="s">
        <v>16</v>
      </c>
      <c r="P1" s="1" t="s">
        <v>17</v>
      </c>
      <c r="Q1" s="1" t="s">
        <v>18</v>
      </c>
      <c r="R1" s="1" t="s">
        <v>19</v>
      </c>
      <c r="S1" s="1" t="s">
        <v>20</v>
      </c>
      <c r="T1" s="1" t="s">
        <v>21</v>
      </c>
      <c r="U1" s="1" t="s">
        <v>22</v>
      </c>
      <c r="V1" s="1" t="s">
        <v>23</v>
      </c>
      <c r="W1" s="1" t="s">
        <v>24</v>
      </c>
      <c r="X1" s="1" t="s">
        <v>25</v>
      </c>
      <c r="Y1" s="1" t="s">
        <v>26</v>
      </c>
      <c r="Z1" s="1" t="s">
        <v>27</v>
      </c>
      <c r="AA1" s="1" t="s">
        <v>28</v>
      </c>
      <c r="AB1" s="1" t="s">
        <v>29</v>
      </c>
      <c r="AC1" s="1" t="s">
        <v>30</v>
      </c>
      <c r="AD1" s="1" t="s">
        <v>31</v>
      </c>
      <c r="AE1" s="1" t="s">
        <v>32</v>
      </c>
    </row>
    <row r="2" spans="1:31" x14ac:dyDescent="0.4">
      <c r="A2" s="2">
        <v>167</v>
      </c>
      <c r="B2" s="2">
        <v>157813</v>
      </c>
      <c r="C2" s="3">
        <v>42877</v>
      </c>
      <c r="D2" s="2">
        <v>1</v>
      </c>
      <c r="E2" s="2">
        <v>2</v>
      </c>
      <c r="F2" s="2">
        <v>0</v>
      </c>
      <c r="G2" s="2" t="s">
        <v>0</v>
      </c>
      <c r="H2" s="2">
        <v>6566</v>
      </c>
      <c r="I2" s="2">
        <v>486</v>
      </c>
      <c r="J2" s="2">
        <v>3200</v>
      </c>
      <c r="K2" s="2">
        <v>2880</v>
      </c>
      <c r="L2" s="2">
        <v>0</v>
      </c>
      <c r="M2" s="2">
        <v>0</v>
      </c>
      <c r="N2" s="2">
        <v>0</v>
      </c>
      <c r="O2" s="2">
        <v>0</v>
      </c>
      <c r="P2" s="2">
        <v>0</v>
      </c>
      <c r="Q2" s="2">
        <v>3456</v>
      </c>
      <c r="R2" s="2">
        <v>6566</v>
      </c>
      <c r="S2" s="2">
        <v>6</v>
      </c>
      <c r="T2" s="3">
        <v>42878.011805555558</v>
      </c>
      <c r="U2" s="3">
        <v>42878.167361111111</v>
      </c>
      <c r="V2" s="2">
        <v>224</v>
      </c>
      <c r="W2" s="2">
        <v>51</v>
      </c>
      <c r="X2" s="2">
        <v>0</v>
      </c>
      <c r="Y2" s="2">
        <v>0</v>
      </c>
      <c r="Z2" s="2">
        <v>0</v>
      </c>
      <c r="AA2" s="2">
        <v>0</v>
      </c>
      <c r="AB2" s="2">
        <v>1</v>
      </c>
      <c r="AC2" s="3">
        <v>42878.272916666669</v>
      </c>
      <c r="AD2" s="2">
        <v>1</v>
      </c>
      <c r="AE2" s="2" t="s">
        <v>1</v>
      </c>
    </row>
    <row r="3" spans="1:31" x14ac:dyDescent="0.4">
      <c r="A3" s="2">
        <v>168</v>
      </c>
      <c r="B3" s="2">
        <v>157813</v>
      </c>
      <c r="C3" s="3">
        <v>42877</v>
      </c>
      <c r="D3" s="2">
        <v>1</v>
      </c>
      <c r="E3" s="2">
        <v>2</v>
      </c>
      <c r="F3" s="2">
        <v>0</v>
      </c>
      <c r="G3" s="2" t="s">
        <v>0</v>
      </c>
      <c r="H3" s="2">
        <v>3456</v>
      </c>
      <c r="I3" s="2">
        <v>256</v>
      </c>
      <c r="J3" s="2">
        <v>3200</v>
      </c>
      <c r="K3" s="2">
        <v>0</v>
      </c>
      <c r="L3" s="2">
        <v>0</v>
      </c>
      <c r="M3" s="2">
        <v>0</v>
      </c>
      <c r="N3" s="2">
        <v>0</v>
      </c>
      <c r="O3" s="2">
        <v>0</v>
      </c>
      <c r="P3" s="2">
        <v>0</v>
      </c>
      <c r="Q3" s="2">
        <v>0</v>
      </c>
      <c r="R3" s="2">
        <v>3456</v>
      </c>
      <c r="S3" s="2">
        <v>6</v>
      </c>
      <c r="T3" s="3">
        <v>42878.011805555558</v>
      </c>
      <c r="U3" s="3">
        <v>42878.167361111111</v>
      </c>
      <c r="V3" s="2">
        <v>224</v>
      </c>
      <c r="W3" s="2">
        <v>51</v>
      </c>
      <c r="X3" s="2">
        <v>0</v>
      </c>
      <c r="Y3" s="2">
        <v>0</v>
      </c>
      <c r="Z3" s="2">
        <v>0</v>
      </c>
      <c r="AA3" s="2">
        <v>0</v>
      </c>
      <c r="AB3" s="2">
        <v>2</v>
      </c>
      <c r="AC3" s="3">
        <v>42878.272916666669</v>
      </c>
      <c r="AD3" s="2">
        <v>1</v>
      </c>
      <c r="AE3" s="2" t="s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M1:R63"/>
  <sheetViews>
    <sheetView tabSelected="1" topLeftCell="M40" workbookViewId="0">
      <selection activeCell="M1" sqref="M1:R63"/>
    </sheetView>
  </sheetViews>
  <sheetFormatPr defaultRowHeight="18.75" x14ac:dyDescent="0.4"/>
  <sheetData>
    <row r="1" spans="13:18" x14ac:dyDescent="0.4">
      <c r="M1" t="s">
        <v>33</v>
      </c>
      <c r="N1" t="s">
        <v>34</v>
      </c>
      <c r="O1" t="s">
        <v>35</v>
      </c>
      <c r="P1" t="s">
        <v>36</v>
      </c>
      <c r="Q1" t="s">
        <v>37</v>
      </c>
      <c r="R1" t="s">
        <v>38</v>
      </c>
    </row>
    <row r="2" spans="13:18" x14ac:dyDescent="0.4">
      <c r="M2">
        <v>1</v>
      </c>
      <c r="N2" s="4" t="s">
        <v>39</v>
      </c>
      <c r="O2">
        <v>12</v>
      </c>
      <c r="P2" s="4"/>
      <c r="R2" s="4"/>
    </row>
    <row r="3" spans="13:18" x14ac:dyDescent="0.4">
      <c r="M3">
        <v>2</v>
      </c>
      <c r="N3" s="4" t="s">
        <v>39</v>
      </c>
      <c r="O3">
        <v>12</v>
      </c>
      <c r="P3" s="4"/>
      <c r="R3" s="4"/>
    </row>
    <row r="4" spans="13:18" x14ac:dyDescent="0.4">
      <c r="M4">
        <v>3</v>
      </c>
      <c r="N4" s="4" t="s">
        <v>39</v>
      </c>
      <c r="O4">
        <v>24</v>
      </c>
      <c r="P4" s="4"/>
      <c r="R4" s="4"/>
    </row>
    <row r="5" spans="13:18" x14ac:dyDescent="0.4">
      <c r="M5">
        <v>4</v>
      </c>
      <c r="N5" s="4" t="s">
        <v>39</v>
      </c>
      <c r="O5">
        <v>12</v>
      </c>
      <c r="P5" s="4"/>
      <c r="R5" s="4"/>
    </row>
    <row r="6" spans="13:18" x14ac:dyDescent="0.4">
      <c r="M6">
        <v>5</v>
      </c>
      <c r="N6" s="4" t="s">
        <v>39</v>
      </c>
      <c r="O6">
        <v>12</v>
      </c>
      <c r="P6" s="4"/>
      <c r="R6" s="4"/>
    </row>
    <row r="7" spans="13:18" x14ac:dyDescent="0.4">
      <c r="M7">
        <v>6</v>
      </c>
      <c r="N7" s="4" t="s">
        <v>39</v>
      </c>
      <c r="O7">
        <v>12</v>
      </c>
      <c r="P7" s="4"/>
      <c r="R7" s="4"/>
    </row>
    <row r="8" spans="13:18" x14ac:dyDescent="0.4">
      <c r="M8">
        <v>7</v>
      </c>
      <c r="N8" s="4" t="s">
        <v>39</v>
      </c>
      <c r="O8">
        <v>31</v>
      </c>
      <c r="P8" s="4" t="s">
        <v>40</v>
      </c>
      <c r="R8" s="4"/>
    </row>
    <row r="9" spans="13:18" x14ac:dyDescent="0.4">
      <c r="M9">
        <v>8</v>
      </c>
      <c r="N9" s="4" t="s">
        <v>39</v>
      </c>
      <c r="O9">
        <v>12</v>
      </c>
      <c r="P9" s="4"/>
      <c r="R9" s="4"/>
    </row>
    <row r="10" spans="13:18" x14ac:dyDescent="0.4">
      <c r="M10">
        <v>9</v>
      </c>
      <c r="N10" s="4" t="s">
        <v>39</v>
      </c>
      <c r="O10">
        <v>12</v>
      </c>
      <c r="P10" s="4"/>
      <c r="R10" s="4"/>
    </row>
    <row r="11" spans="13:18" x14ac:dyDescent="0.4">
      <c r="M11">
        <v>10</v>
      </c>
      <c r="N11" s="4" t="s">
        <v>39</v>
      </c>
      <c r="O11">
        <v>12</v>
      </c>
      <c r="P11" s="4"/>
      <c r="R11" s="4"/>
    </row>
    <row r="12" spans="13:18" x14ac:dyDescent="0.4">
      <c r="M12">
        <v>11</v>
      </c>
      <c r="N12" s="4" t="s">
        <v>39</v>
      </c>
      <c r="O12">
        <v>12</v>
      </c>
      <c r="P12" s="4"/>
      <c r="R12" s="4"/>
    </row>
    <row r="13" spans="13:18" x14ac:dyDescent="0.4">
      <c r="M13">
        <v>12</v>
      </c>
      <c r="N13" s="4" t="s">
        <v>39</v>
      </c>
      <c r="O13">
        <v>12</v>
      </c>
      <c r="P13" s="4"/>
      <c r="R13" s="4"/>
    </row>
    <row r="14" spans="13:18" x14ac:dyDescent="0.4">
      <c r="M14">
        <v>13</v>
      </c>
      <c r="N14" s="4" t="s">
        <v>39</v>
      </c>
      <c r="O14">
        <v>12</v>
      </c>
      <c r="P14" s="4"/>
      <c r="R14" s="4"/>
    </row>
    <row r="15" spans="13:18" x14ac:dyDescent="0.4">
      <c r="M15">
        <v>14</v>
      </c>
      <c r="N15" s="4" t="s">
        <v>39</v>
      </c>
      <c r="O15">
        <v>12</v>
      </c>
      <c r="P15" s="4"/>
      <c r="R15" s="4"/>
    </row>
    <row r="16" spans="13:18" x14ac:dyDescent="0.4">
      <c r="M16">
        <v>15</v>
      </c>
      <c r="N16" s="4" t="s">
        <v>39</v>
      </c>
      <c r="O16">
        <v>12</v>
      </c>
      <c r="P16" s="4"/>
      <c r="R16" s="4"/>
    </row>
    <row r="17" spans="13:18" x14ac:dyDescent="0.4">
      <c r="M17">
        <v>16</v>
      </c>
      <c r="N17" s="4" t="s">
        <v>39</v>
      </c>
      <c r="O17">
        <v>12</v>
      </c>
      <c r="P17" s="4"/>
      <c r="R17" s="4"/>
    </row>
    <row r="18" spans="13:18" x14ac:dyDescent="0.4">
      <c r="M18">
        <v>17</v>
      </c>
      <c r="N18" s="4" t="s">
        <v>39</v>
      </c>
      <c r="O18">
        <v>12</v>
      </c>
      <c r="P18" s="4"/>
      <c r="R18" s="4"/>
    </row>
    <row r="19" spans="13:18" x14ac:dyDescent="0.4">
      <c r="M19">
        <v>18</v>
      </c>
      <c r="N19" s="4" t="s">
        <v>39</v>
      </c>
      <c r="O19">
        <v>12</v>
      </c>
      <c r="P19" s="4"/>
      <c r="R19" s="4"/>
    </row>
    <row r="20" spans="13:18" x14ac:dyDescent="0.4">
      <c r="M20">
        <v>19</v>
      </c>
      <c r="N20" s="4" t="s">
        <v>39</v>
      </c>
      <c r="O20">
        <v>12</v>
      </c>
      <c r="P20" s="4"/>
      <c r="R20" s="4"/>
    </row>
    <row r="21" spans="13:18" x14ac:dyDescent="0.4">
      <c r="M21">
        <v>20</v>
      </c>
      <c r="N21" s="4" t="s">
        <v>39</v>
      </c>
      <c r="O21">
        <v>24</v>
      </c>
      <c r="P21" s="4"/>
      <c r="R21" s="4"/>
    </row>
    <row r="22" spans="13:18" x14ac:dyDescent="0.4">
      <c r="M22">
        <v>21</v>
      </c>
      <c r="N22" s="4" t="s">
        <v>39</v>
      </c>
      <c r="O22">
        <v>24</v>
      </c>
      <c r="P22" s="4"/>
      <c r="R22" s="4"/>
    </row>
    <row r="23" spans="13:18" x14ac:dyDescent="0.4">
      <c r="M23">
        <v>22</v>
      </c>
      <c r="N23" s="4" t="s">
        <v>39</v>
      </c>
      <c r="O23">
        <v>12</v>
      </c>
      <c r="P23" s="4"/>
      <c r="R23" s="4"/>
    </row>
    <row r="24" spans="13:18" x14ac:dyDescent="0.4">
      <c r="M24">
        <v>23</v>
      </c>
      <c r="N24" s="4" t="s">
        <v>39</v>
      </c>
      <c r="O24">
        <v>12</v>
      </c>
      <c r="P24" s="4"/>
      <c r="R24" s="4"/>
    </row>
    <row r="25" spans="13:18" x14ac:dyDescent="0.4">
      <c r="M25">
        <v>24</v>
      </c>
      <c r="N25" s="4" t="s">
        <v>39</v>
      </c>
      <c r="O25">
        <v>12</v>
      </c>
      <c r="P25" s="4"/>
      <c r="R25" s="4"/>
    </row>
    <row r="26" spans="13:18" x14ac:dyDescent="0.4">
      <c r="M26">
        <v>25</v>
      </c>
      <c r="N26" s="4" t="s">
        <v>39</v>
      </c>
      <c r="O26">
        <v>12</v>
      </c>
      <c r="P26" s="4"/>
      <c r="R26" s="4"/>
    </row>
    <row r="27" spans="13:18" x14ac:dyDescent="0.4">
      <c r="M27">
        <v>26</v>
      </c>
      <c r="N27" s="4" t="s">
        <v>39</v>
      </c>
      <c r="O27">
        <v>12</v>
      </c>
      <c r="P27" s="4"/>
      <c r="R27" s="4"/>
    </row>
    <row r="28" spans="13:18" x14ac:dyDescent="0.4">
      <c r="M28">
        <v>27</v>
      </c>
      <c r="N28" s="4" t="s">
        <v>39</v>
      </c>
      <c r="O28">
        <v>12</v>
      </c>
      <c r="P28" s="4"/>
      <c r="R28" s="4"/>
    </row>
    <row r="29" spans="13:18" x14ac:dyDescent="0.4">
      <c r="M29">
        <v>28</v>
      </c>
      <c r="N29" s="4" t="s">
        <v>39</v>
      </c>
      <c r="O29">
        <v>12</v>
      </c>
      <c r="P29" s="4"/>
      <c r="R29" s="4"/>
    </row>
    <row r="30" spans="13:18" x14ac:dyDescent="0.4">
      <c r="M30">
        <v>29</v>
      </c>
      <c r="N30" s="4" t="s">
        <v>39</v>
      </c>
      <c r="O30">
        <v>24</v>
      </c>
      <c r="P30" s="4"/>
      <c r="R30" s="4"/>
    </row>
    <row r="31" spans="13:18" x14ac:dyDescent="0.4">
      <c r="M31">
        <v>30</v>
      </c>
      <c r="N31" s="4" t="s">
        <v>39</v>
      </c>
      <c r="O31">
        <v>12</v>
      </c>
      <c r="P31" s="4"/>
      <c r="R31" s="4"/>
    </row>
    <row r="32" spans="13:18" x14ac:dyDescent="0.4">
      <c r="M32">
        <v>31</v>
      </c>
      <c r="N32" s="4" t="s">
        <v>41</v>
      </c>
      <c r="O32">
        <v>31</v>
      </c>
      <c r="P32" s="4" t="s">
        <v>40</v>
      </c>
      <c r="R32" s="4"/>
    </row>
    <row r="33" spans="14:18" x14ac:dyDescent="0.4">
      <c r="N33" s="4"/>
      <c r="P33" s="4"/>
      <c r="Q33">
        <v>1</v>
      </c>
      <c r="R33" s="4" t="s">
        <v>2</v>
      </c>
    </row>
    <row r="34" spans="14:18" x14ac:dyDescent="0.4">
      <c r="N34" s="4"/>
      <c r="P34" s="4"/>
      <c r="Q34">
        <v>2</v>
      </c>
      <c r="R34" s="4" t="s">
        <v>3</v>
      </c>
    </row>
    <row r="35" spans="14:18" x14ac:dyDescent="0.4">
      <c r="N35" s="4"/>
      <c r="P35" s="4"/>
      <c r="Q35">
        <v>3</v>
      </c>
      <c r="R35" s="4" t="s">
        <v>4</v>
      </c>
    </row>
    <row r="36" spans="14:18" x14ac:dyDescent="0.4">
      <c r="N36" s="4"/>
      <c r="P36" s="4"/>
      <c r="Q36">
        <v>4</v>
      </c>
      <c r="R36" s="4" t="s">
        <v>5</v>
      </c>
    </row>
    <row r="37" spans="14:18" x14ac:dyDescent="0.4">
      <c r="N37" s="4"/>
      <c r="P37" s="4"/>
      <c r="Q37">
        <v>5</v>
      </c>
      <c r="R37" s="4" t="s">
        <v>6</v>
      </c>
    </row>
    <row r="38" spans="14:18" x14ac:dyDescent="0.4">
      <c r="N38" s="4"/>
      <c r="P38" s="4"/>
      <c r="Q38">
        <v>6</v>
      </c>
      <c r="R38" s="4" t="s">
        <v>7</v>
      </c>
    </row>
    <row r="39" spans="14:18" x14ac:dyDescent="0.4">
      <c r="N39" s="4"/>
      <c r="P39" s="4"/>
      <c r="Q39">
        <v>7</v>
      </c>
      <c r="R39" s="4" t="s">
        <v>8</v>
      </c>
    </row>
    <row r="40" spans="14:18" x14ac:dyDescent="0.4">
      <c r="N40" s="4"/>
      <c r="P40" s="4"/>
      <c r="Q40">
        <v>8</v>
      </c>
      <c r="R40" s="4" t="s">
        <v>9</v>
      </c>
    </row>
    <row r="41" spans="14:18" x14ac:dyDescent="0.4">
      <c r="N41" s="4"/>
      <c r="P41" s="4"/>
      <c r="Q41">
        <v>9</v>
      </c>
      <c r="R41" s="4" t="s">
        <v>10</v>
      </c>
    </row>
    <row r="42" spans="14:18" x14ac:dyDescent="0.4">
      <c r="N42" s="4"/>
      <c r="P42" s="4"/>
      <c r="Q42">
        <v>10</v>
      </c>
      <c r="R42" s="4" t="s">
        <v>11</v>
      </c>
    </row>
    <row r="43" spans="14:18" x14ac:dyDescent="0.4">
      <c r="N43" s="4"/>
      <c r="P43" s="4"/>
      <c r="Q43">
        <v>11</v>
      </c>
      <c r="R43" s="4" t="s">
        <v>12</v>
      </c>
    </row>
    <row r="44" spans="14:18" x14ac:dyDescent="0.4">
      <c r="N44" s="4"/>
      <c r="P44" s="4"/>
      <c r="Q44">
        <v>12</v>
      </c>
      <c r="R44" s="4" t="s">
        <v>13</v>
      </c>
    </row>
    <row r="45" spans="14:18" x14ac:dyDescent="0.4">
      <c r="N45" s="4"/>
      <c r="P45" s="4"/>
      <c r="Q45">
        <v>13</v>
      </c>
      <c r="R45" s="4" t="s">
        <v>14</v>
      </c>
    </row>
    <row r="46" spans="14:18" x14ac:dyDescent="0.4">
      <c r="N46" s="4"/>
      <c r="P46" s="4"/>
      <c r="Q46">
        <v>14</v>
      </c>
      <c r="R46" s="4" t="s">
        <v>15</v>
      </c>
    </row>
    <row r="47" spans="14:18" x14ac:dyDescent="0.4">
      <c r="N47" s="4"/>
      <c r="P47" s="4"/>
      <c r="Q47">
        <v>15</v>
      </c>
      <c r="R47" s="4" t="s">
        <v>16</v>
      </c>
    </row>
    <row r="48" spans="14:18" x14ac:dyDescent="0.4">
      <c r="N48" s="4"/>
      <c r="P48" s="4"/>
      <c r="Q48">
        <v>16</v>
      </c>
      <c r="R48" s="4" t="s">
        <v>17</v>
      </c>
    </row>
    <row r="49" spans="14:18" x14ac:dyDescent="0.4">
      <c r="N49" s="4"/>
      <c r="P49" s="4"/>
      <c r="Q49">
        <v>17</v>
      </c>
      <c r="R49" s="4" t="s">
        <v>18</v>
      </c>
    </row>
    <row r="50" spans="14:18" x14ac:dyDescent="0.4">
      <c r="N50" s="4"/>
      <c r="P50" s="4"/>
      <c r="Q50">
        <v>18</v>
      </c>
      <c r="R50" s="4" t="s">
        <v>19</v>
      </c>
    </row>
    <row r="51" spans="14:18" x14ac:dyDescent="0.4">
      <c r="N51" s="4"/>
      <c r="P51" s="4"/>
      <c r="Q51">
        <v>19</v>
      </c>
      <c r="R51" s="4" t="s">
        <v>20</v>
      </c>
    </row>
    <row r="52" spans="14:18" x14ac:dyDescent="0.4">
      <c r="N52" s="4"/>
      <c r="P52" s="4"/>
      <c r="Q52">
        <v>20</v>
      </c>
      <c r="R52" s="4" t="s">
        <v>21</v>
      </c>
    </row>
    <row r="53" spans="14:18" x14ac:dyDescent="0.4">
      <c r="N53" s="4"/>
      <c r="P53" s="4"/>
      <c r="Q53">
        <v>21</v>
      </c>
      <c r="R53" s="4" t="s">
        <v>22</v>
      </c>
    </row>
    <row r="54" spans="14:18" x14ac:dyDescent="0.4">
      <c r="N54" s="4"/>
      <c r="P54" s="4"/>
      <c r="Q54">
        <v>22</v>
      </c>
      <c r="R54" s="4" t="s">
        <v>23</v>
      </c>
    </row>
    <row r="55" spans="14:18" x14ac:dyDescent="0.4">
      <c r="N55" s="4"/>
      <c r="P55" s="4"/>
      <c r="Q55">
        <v>23</v>
      </c>
      <c r="R55" s="4" t="s">
        <v>24</v>
      </c>
    </row>
    <row r="56" spans="14:18" x14ac:dyDescent="0.4">
      <c r="N56" s="4"/>
      <c r="P56" s="4"/>
      <c r="Q56">
        <v>24</v>
      </c>
      <c r="R56" s="4" t="s">
        <v>25</v>
      </c>
    </row>
    <row r="57" spans="14:18" x14ac:dyDescent="0.4">
      <c r="N57" s="4"/>
      <c r="P57" s="4"/>
      <c r="Q57">
        <v>25</v>
      </c>
      <c r="R57" s="4" t="s">
        <v>26</v>
      </c>
    </row>
    <row r="58" spans="14:18" x14ac:dyDescent="0.4">
      <c r="N58" s="4"/>
      <c r="P58" s="4"/>
      <c r="Q58">
        <v>26</v>
      </c>
      <c r="R58" s="4" t="s">
        <v>27</v>
      </c>
    </row>
    <row r="59" spans="14:18" x14ac:dyDescent="0.4">
      <c r="N59" s="4"/>
      <c r="P59" s="4"/>
      <c r="Q59">
        <v>27</v>
      </c>
      <c r="R59" s="4" t="s">
        <v>28</v>
      </c>
    </row>
    <row r="60" spans="14:18" x14ac:dyDescent="0.4">
      <c r="N60" s="4"/>
      <c r="P60" s="4"/>
      <c r="Q60">
        <v>28</v>
      </c>
      <c r="R60" s="4" t="s">
        <v>29</v>
      </c>
    </row>
    <row r="61" spans="14:18" x14ac:dyDescent="0.4">
      <c r="N61" s="4"/>
      <c r="P61" s="4"/>
      <c r="Q61">
        <v>29</v>
      </c>
      <c r="R61" s="4" t="s">
        <v>30</v>
      </c>
    </row>
    <row r="62" spans="14:18" x14ac:dyDescent="0.4">
      <c r="N62" s="4"/>
      <c r="P62" s="4"/>
      <c r="Q62">
        <v>30</v>
      </c>
      <c r="R62" s="4" t="s">
        <v>31</v>
      </c>
    </row>
    <row r="63" spans="14:18" x14ac:dyDescent="0.4">
      <c r="N63" s="4"/>
      <c r="P63" s="4"/>
      <c r="Q63">
        <v>31</v>
      </c>
      <c r="R63" s="4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11774F-B0C1-4C12-85F6-69010E42C3A1}">
  <dimension ref="A1"/>
  <sheetViews>
    <sheetView workbookViewId="0"/>
  </sheetViews>
  <sheetFormatPr defaultRowHeight="18.75" x14ac:dyDescent="0.4"/>
  <sheetData/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usinessCorrect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2T08:59:36Z</dcterms:created>
  <dcterms:modified xsi:type="dcterms:W3CDTF">2024-02-23T02:47:59Z</dcterms:modified>
</cp:coreProperties>
</file>